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25"/>
  </p:notesMasterIdLst>
  <p:sldIdLst>
    <p:sldId id="257" r:id="rId8"/>
    <p:sldId id="259" r:id="rId9"/>
    <p:sldId id="258" r:id="rId10"/>
    <p:sldId id="260" r:id="rId11"/>
    <p:sldId id="264" r:id="rId12"/>
    <p:sldId id="279" r:id="rId13"/>
    <p:sldId id="267" r:id="rId14"/>
    <p:sldId id="261" r:id="rId15"/>
    <p:sldId id="266" r:id="rId16"/>
    <p:sldId id="262" r:id="rId17"/>
    <p:sldId id="265" r:id="rId18"/>
    <p:sldId id="268" r:id="rId19"/>
    <p:sldId id="275" r:id="rId20"/>
    <p:sldId id="277" r:id="rId21"/>
    <p:sldId id="278" r:id="rId22"/>
    <p:sldId id="276" r:id="rId23"/>
    <p:sldId id="263" r:id="rId2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6" autoAdjust="0"/>
    <p:restoredTop sz="94662" autoAdjust="0"/>
  </p:normalViewPr>
  <p:slideViewPr>
    <p:cSldViewPr snapToGrid="0" showGuides="1">
      <p:cViewPr varScale="1">
        <p:scale>
          <a:sx n="86" d="100"/>
          <a:sy n="86" d="100"/>
        </p:scale>
        <p:origin x="331" y="58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9/01/2021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ed2fa8ac-5d4a-40e1-951c-36c98c45672a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Department of Business &amp; Economics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1fe76374-09e3-406f-ad42-8e7e2f1e1644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anuary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a8b2c0ca-3798-4e57-be36-de3eb072cefd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of Business &amp; Economics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32e905b3-0e31-4860-bb96-b51ef8d45a6b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anuary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405e33a3-f70e-40d9-b034-541b256890c2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Department of Business &amp; Economics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066d596d-5dbf-436e-8547-fbc86a544c2b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of Business &amp; Econom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a67a2ac9-2d30-4652-9723-168fa759aedb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anuary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9" name="date" descr="{&quot;templafy&quot;:{&quot;id&quot;:&quot;3d191db7-eec2-43fa-906b-1eeb04494361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anuary 2021</a:t>
            </a:r>
          </a:p>
        </p:txBody>
      </p:sp>
      <p:sp>
        <p:nvSpPr>
          <p:cNvPr id="15" name="text" descr="{&quot;templafy&quot;:{&quot;id&quot;:&quot;9d3fbaf4-9245-41ec-be9b-6a53941b499f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of Business &amp; Economics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d95724e0-1527-42d3-b5ed-342980a7941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of Business &amp; Economics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c93215a3-ca3b-4a6c-a795-c4545638f794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anuary 2021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9b094202-d2d1-43b6-afa5-b0086dc7d448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anuary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29/01/2021</a:t>
            </a:fld>
            <a:endParaRPr lang="en-GB" dirty="0"/>
          </a:p>
        </p:txBody>
      </p:sp>
      <p:sp>
        <p:nvSpPr>
          <p:cNvPr id="13" name="text" descr="{&quot;templafy&quot;:{&quot;id&quot;:&quot;137944c3-c7ef-4776-9221-437943fde277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Department of Business &amp; Economics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4" Type="http://schemas.openxmlformats.org/officeDocument/2006/relationships/hyperlink" Target="mailto:pauls@sam.sdu.dk" TargetMode="Externa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hyperlink" Target="mailto:pauls@sam.sdu.dk" TargetMode="External"/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hyperlink" Target="https://mrc.ukri.org/news/blog/12-top-tips-for-writing-a-grant-application/" TargetMode="External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8000" dirty="0"/>
              <a:t>Dos and don’ts of applying for funding</a:t>
            </a:r>
            <a:br>
              <a:rPr lang="en-GB" sz="8000" dirty="0"/>
            </a:br>
            <a:r>
              <a:rPr lang="en-GB" sz="4800" dirty="0"/>
              <a:t>Paul Sharp, </a:t>
            </a:r>
            <a:r>
              <a:rPr lang="en-GB" sz="4800" dirty="0">
                <a:hlinkClick r:id="rId4"/>
              </a:rPr>
              <a:t>pauls@sam.sdu.dk</a:t>
            </a:r>
            <a:r>
              <a:rPr lang="en-GB" sz="4800" dirty="0"/>
              <a:t> </a:t>
            </a:r>
            <a:endParaRPr lang="en-GB" sz="80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en-GB" smtClean="0"/>
              <a:t>29/01/202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3EF0E5-FA86-4717-B280-AC04072E7D7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Lessons learn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B5D95C4-C1B9-47FD-9794-CC89362B9291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It is a little like publishing – if you don’t try, you for sure won’t succeed</a:t>
            </a:r>
          </a:p>
          <a:p>
            <a:r>
              <a:rPr lang="en-US" dirty="0"/>
              <a:t>The more you apply, the easier it gets</a:t>
            </a:r>
          </a:p>
          <a:p>
            <a:r>
              <a:rPr lang="en-US" dirty="0"/>
              <a:t>Start in good time</a:t>
            </a:r>
          </a:p>
          <a:p>
            <a:r>
              <a:rPr lang="en-US" dirty="0"/>
              <a:t>Consider carefully what the funding body wants and expects</a:t>
            </a:r>
          </a:p>
          <a:p>
            <a:r>
              <a:rPr lang="en-US" dirty="0"/>
              <a:t>Your research group matters – if you are a top group in the world for what you do, explain that the project is hosted in the ideal environment!</a:t>
            </a:r>
          </a:p>
          <a:p>
            <a:r>
              <a:rPr lang="en-US" dirty="0"/>
              <a:t>Who is making the decisions matters really a lot</a:t>
            </a:r>
          </a:p>
          <a:p>
            <a:r>
              <a:rPr lang="en-US" dirty="0"/>
              <a:t>Ask for old successful grant applications</a:t>
            </a:r>
          </a:p>
          <a:p>
            <a:r>
              <a:rPr lang="en-US" dirty="0"/>
              <a:t>Ask for sufficient buyout and a good team of researchers</a:t>
            </a:r>
          </a:p>
          <a:p>
            <a:r>
              <a:rPr lang="en-US" dirty="0"/>
              <a:t>Often don’t waste time with advisory boards and the like</a:t>
            </a:r>
          </a:p>
          <a:p>
            <a:r>
              <a:rPr lang="en-US" dirty="0"/>
              <a:t>There is some low-hanging fruit out there, e.g. infrastructure grants, book grants, and Marie Curi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0E98D2E-3019-4C03-8E5F-EBCF37BE6D1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D9DDE6F5-FDDC-48D0-B6D4-8079BB4589B1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28ECF3D-3741-44DB-8C29-53908E790994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A557A36-6DA2-4DB4-9026-0FB2C7839F3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0559273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961574-6BDC-434F-8061-B3F01791070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Attracting grants for research group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A4C6FE-0EE7-45B1-B6DF-52F167C80C0C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Critical mass is important for research groups, and will help increase your chances to attract more personal grants, as well as give you some autonomy</a:t>
            </a:r>
          </a:p>
          <a:p>
            <a:r>
              <a:rPr lang="en-US" dirty="0"/>
              <a:t>HEDG has attracted many grants</a:t>
            </a:r>
          </a:p>
          <a:p>
            <a:r>
              <a:rPr lang="en-US" dirty="0"/>
              <a:t>We also go out and support people from the outside who want to join us, especially through Marie Curie</a:t>
            </a:r>
          </a:p>
          <a:p>
            <a:r>
              <a:rPr lang="en-US" dirty="0"/>
              <a:t>You can also do this on the individual level, so you can bring in someone you want to work with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FFD0605-51A4-4470-903F-155FE332B1F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4F0B1BC-60EB-4B25-8B92-D848CF35AA7F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E28F792-6609-4AA1-9E81-1B55FD0A4A1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4A33DF-4C32-46E6-8A5B-28F3D4BB8163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7063896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arie Curie and HEDG (IVØ)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en-GB" smtClean="0"/>
              <a:t>29/01/202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9824745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47F94A-CBF0-458F-96B7-6876C9BA7C7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Why do we recruit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FBB5AFE-7425-4D24-AF2F-D87A87704E5E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GB" sz="2800" dirty="0"/>
              <a:t>Critical mass of the research group (more people for seminars etc.)</a:t>
            </a:r>
          </a:p>
          <a:p>
            <a:r>
              <a:rPr lang="en-GB" sz="2800" dirty="0"/>
              <a:t>Interesting people to work with</a:t>
            </a:r>
          </a:p>
          <a:p>
            <a:r>
              <a:rPr lang="en-GB" sz="2800" dirty="0"/>
              <a:t>Reputation of the research group</a:t>
            </a:r>
          </a:p>
          <a:p>
            <a:r>
              <a:rPr lang="en-GB" sz="2800" dirty="0"/>
              <a:t>Good opportunity to support new hires</a:t>
            </a:r>
          </a:p>
          <a:p>
            <a:endParaRPr lang="da-DK" sz="28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A22D423-413F-4FF7-9B4A-F8C332BBB53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8EEE935-968C-4643-AEBA-8C32AB92E713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1E98B8-86B6-415A-A755-C9E872BBB9B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0C4C7E6-6E18-4E42-908D-BDBFFF5E2B9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0098200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3C0BB1-73EC-4010-868B-AAA6C73A756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How and where do we find our applicants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F2E3E73-DB0E-478A-B602-0DCFBD78B620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GB" sz="2400" dirty="0"/>
              <a:t>Network and reputation of the research group is extremely important</a:t>
            </a:r>
          </a:p>
          <a:p>
            <a:r>
              <a:rPr lang="en-GB" sz="2400" dirty="0"/>
              <a:t>We contact people directly, and we advertise through relevant channels</a:t>
            </a:r>
          </a:p>
          <a:p>
            <a:pPr lvl="1"/>
            <a:r>
              <a:rPr lang="en-GB" sz="2000" dirty="0"/>
              <a:t>For economic history the mailing list on eh.net is the best resource</a:t>
            </a:r>
          </a:p>
          <a:p>
            <a:r>
              <a:rPr lang="en-GB" sz="2400" dirty="0"/>
              <a:t>We also make sure that our new hires apply within the time window when this is possible</a:t>
            </a:r>
          </a:p>
          <a:p>
            <a:endParaRPr lang="da-DK" sz="24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A7D9BA7-AD02-44F0-B9BD-16D35BC0ADC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DDD93C66-DA92-4088-ACF5-2FF9DFAB82AE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A184D9B-ECC3-4EC9-8E20-E43C33C2BF9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A10552E-2AC1-417E-8BEE-6040C9D0058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0254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CBDD8FD-BA06-4FAF-B87C-FC7BD7100F5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Experienc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EE815D2-6EAE-4921-B6EF-0F015CAFC1F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sz="2000" dirty="0"/>
              <a:t>We have been soliciting MC applicants for the last three rounds, and have always had plenty of people willing to try</a:t>
            </a:r>
          </a:p>
          <a:p>
            <a:r>
              <a:rPr lang="en-US" sz="2000" dirty="0"/>
              <a:t>Last time we had our first successful applicant (a recent D-IAS/HEDG hire)</a:t>
            </a:r>
          </a:p>
          <a:p>
            <a:r>
              <a:rPr lang="en-US" sz="2000" dirty="0"/>
              <a:t>Last time we also had some candidates who had applied previously who were tantalizingly close to the success cutoff</a:t>
            </a:r>
          </a:p>
          <a:p>
            <a:pPr lvl="1"/>
            <a:r>
              <a:rPr lang="en-US" sz="1800" dirty="0"/>
              <a:t>Two of them are trying again and we are quite optimistic</a:t>
            </a:r>
          </a:p>
          <a:p>
            <a:r>
              <a:rPr lang="en-US" sz="2000" dirty="0"/>
              <a:t>We also have one more applicant from a recent hire</a:t>
            </a:r>
          </a:p>
          <a:p>
            <a:r>
              <a:rPr lang="en-US" sz="2000" dirty="0"/>
              <a:t>And we have one new “external” applicant, responded to our “job” announcement</a:t>
            </a:r>
          </a:p>
          <a:p>
            <a:r>
              <a:rPr lang="en-US" sz="2000" dirty="0"/>
              <a:t>We also had two others who responded, but dropped out</a:t>
            </a:r>
          </a:p>
          <a:p>
            <a:r>
              <a:rPr lang="en-US" sz="2000" dirty="0"/>
              <a:t>And another who approached me separately, but he didn’t have time in the en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2D2BEC-35AB-4B02-88CB-580CB62CCC9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6C50425-03B6-452A-99D6-1CFE6A7D0F90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FAF931C-8014-4E2D-839E-B33A01BC309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B46B9C7-C7F1-410F-9C1C-4975E83AEDC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6868545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C61C80-B51A-4C99-876C-415DEC6E062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Lessons learn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BAE97AD-FC7B-4047-9987-4EA8BBEE5B85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sz="2000" dirty="0"/>
              <a:t>Remember MC is very much about what the </a:t>
            </a:r>
            <a:r>
              <a:rPr lang="en-US" sz="2000" dirty="0" err="1"/>
              <a:t>host+supervisor</a:t>
            </a:r>
            <a:r>
              <a:rPr lang="en-US" sz="2000" dirty="0"/>
              <a:t> and the applicant can achieve together</a:t>
            </a:r>
          </a:p>
          <a:p>
            <a:r>
              <a:rPr lang="en-US" sz="2000" dirty="0"/>
              <a:t>The research group matters – </a:t>
            </a:r>
            <a:r>
              <a:rPr lang="en-US" sz="2000"/>
              <a:t>until recently at least </a:t>
            </a:r>
            <a:r>
              <a:rPr lang="en-US" sz="2000" dirty="0"/>
              <a:t>HEDG was extremely strong worldwide, attracting the best candidates and offering an excellent environment </a:t>
            </a:r>
            <a:r>
              <a:rPr lang="en-US" sz="2000" dirty="0">
                <a:sym typeface="Wingdings" panose="05000000000000000000" pitchFamily="2" charset="2"/>
              </a:rPr>
              <a:t> increases chances of funding (and not just MC!)</a:t>
            </a:r>
            <a:endParaRPr lang="en-US" sz="2000" dirty="0"/>
          </a:p>
          <a:p>
            <a:r>
              <a:rPr lang="en-US" sz="2000" dirty="0"/>
              <a:t>The supervisor matters – if they are not fully engaged, the chances are the applicant will drop out</a:t>
            </a:r>
          </a:p>
          <a:p>
            <a:r>
              <a:rPr lang="en-US" sz="2000" dirty="0"/>
              <a:t>Expect that more than one application is necessary – you must be prepared to be in for the long haul!</a:t>
            </a:r>
          </a:p>
          <a:p>
            <a:r>
              <a:rPr lang="en-US" sz="2000" dirty="0"/>
              <a:t>It might be worth having a more focused approach and going directly to people who might be interested in working with someone at HEDG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C1CE6E-3B4A-451A-8454-A2B7D31332A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766BEE5-9967-4C27-A66D-ED21F03BECCA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C34766B-CC6D-4301-9FA1-35187F4B2BA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7900F01-5EC1-4045-8406-ABE88059410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1410254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7D1EAEA-6597-4764-B781-6981EF1DF9D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Finally: Ask for advic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F974D36-9007-430C-A7FA-E2F83A1AB49C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The support we get for writing grant applications at SDU is excellent – use them, but in good time</a:t>
            </a:r>
          </a:p>
          <a:p>
            <a:r>
              <a:rPr lang="en-US" dirty="0"/>
              <a:t>Listen to the various courses offered, but do not take everything they say 100% seriously</a:t>
            </a:r>
          </a:p>
          <a:p>
            <a:r>
              <a:rPr lang="en-US" dirty="0"/>
              <a:t>Advice from senior colleagues (at SDU or elsewhere) is the best resource by far</a:t>
            </a:r>
          </a:p>
          <a:p>
            <a:r>
              <a:rPr lang="en-US" dirty="0"/>
              <a:t>Finally: you are always welcome to get in touch with me if you want suggestions etc.: </a:t>
            </a:r>
            <a:r>
              <a:rPr lang="en-US" dirty="0">
                <a:hlinkClick r:id="rId2"/>
              </a:rPr>
              <a:t>pauls@sam.sdu.dk</a:t>
            </a:r>
            <a:r>
              <a:rPr lang="en-US" dirty="0"/>
              <a:t>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0BF758A-E86C-4582-B369-0281D64EA03C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74293CA-38E2-4D87-968F-2CAEA8D00088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7FDC8F-B4F7-4B92-B984-F65A945BAA6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96242BE-D5C7-4446-B4D0-31604CFB91E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4048256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6E4A5-934A-49F0-ACAA-BDB61E7D830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Main less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D351D8F-CCAB-49F0-B014-EF4DCCA28E1E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en-US" sz="5400" b="1" dirty="0"/>
              <a:t>The more you apply, the easier it gets, and the more success you will have!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EFD1C5B-9DE8-4F60-9F97-7EB64BA4532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0C9FA05-14D8-4096-A4C8-853A2D514F50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98AA164-5E1C-4FFB-A066-B3823F02831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77DF18B-DD6A-4635-A339-8AEBA9DA03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3597567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C49083-E391-4173-9864-E0B5E9471A0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About m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876934B-8645-422D-805C-253FBF72EE1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Professor working on economic history at the Department of Business and Economics</a:t>
            </a:r>
          </a:p>
          <a:p>
            <a:r>
              <a:rPr lang="en-US" dirty="0"/>
              <a:t>Head of the Historical Economics and Development Group</a:t>
            </a:r>
          </a:p>
          <a:p>
            <a:r>
              <a:rPr lang="en-US" dirty="0"/>
              <a:t>Have been applying for grants since my PhD (2009)</a:t>
            </a:r>
          </a:p>
          <a:p>
            <a:r>
              <a:rPr lang="en-US" dirty="0"/>
              <a:t>I work on Danish economic history and particularly the history of agriculture</a:t>
            </a:r>
          </a:p>
          <a:p>
            <a:pPr lvl="1"/>
            <a:r>
              <a:rPr lang="en-US" dirty="0"/>
              <a:t>Was told by many that this can never be published well or attract grants</a:t>
            </a:r>
          </a:p>
          <a:p>
            <a:pPr lvl="1"/>
            <a:r>
              <a:rPr lang="en-US" dirty="0"/>
              <a:t>Not true, so work on what you find interesting</a:t>
            </a:r>
          </a:p>
          <a:p>
            <a:r>
              <a:rPr lang="en-US" dirty="0"/>
              <a:t>I am currently PI for two grants of around 6 million kroner, one of 2 million and various smaller projects</a:t>
            </a:r>
          </a:p>
          <a:p>
            <a:r>
              <a:rPr lang="en-US" dirty="0"/>
              <a:t>Supervising 4 PhD students at SDU (one internally financed) and 1 post.doc + 1 PhD student at Lund University</a:t>
            </a:r>
          </a:p>
          <a:p>
            <a:pPr lvl="1"/>
            <a:r>
              <a:rPr lang="en-US" dirty="0"/>
              <a:t>Also some RAs</a:t>
            </a:r>
          </a:p>
          <a:p>
            <a:r>
              <a:rPr lang="en-US" dirty="0"/>
              <a:t>My funding has both formed my research and established me as a researcher over the year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970BD01-7E2F-4BE9-AD4F-4C045D3102B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A0E3069-BCA7-4CF0-8C93-B90F7D02611F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ADE99E5-BE5D-40B8-9797-2F9D1A523421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FBFE901-160D-45F9-B35F-02984D87A48B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189388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870EB0C-4377-4EDA-8BAD-566C4711FD7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Grants applied f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C49CC4D-6D5A-48B8-BAD9-A045CE8932D1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Started during/after my PhD with two post.doc applications to DFF and Carlsberg. Received the latter, otherwise I might not have been here today!</a:t>
            </a:r>
          </a:p>
          <a:p>
            <a:pPr lvl="1"/>
            <a:r>
              <a:rPr lang="en-US" dirty="0"/>
              <a:t>The Carlsberg application also shaped my future research</a:t>
            </a:r>
          </a:p>
          <a:p>
            <a:r>
              <a:rPr lang="en-US" dirty="0"/>
              <a:t>Worked on a couple of large ERC projects as a post.doc</a:t>
            </a:r>
          </a:p>
          <a:p>
            <a:r>
              <a:rPr lang="en-US" dirty="0"/>
              <a:t>Received a DFF </a:t>
            </a:r>
            <a:r>
              <a:rPr lang="en-US" i="1" dirty="0"/>
              <a:t>Sapere Aude</a:t>
            </a:r>
            <a:r>
              <a:rPr lang="en-US" dirty="0"/>
              <a:t> level 2 back when that existed</a:t>
            </a:r>
          </a:p>
          <a:p>
            <a:r>
              <a:rPr lang="en-US" dirty="0"/>
              <a:t>Have since then received a DFF FP2 which overlaps with the </a:t>
            </a:r>
            <a:r>
              <a:rPr lang="en-US" i="1" dirty="0"/>
              <a:t>Sapere Aude</a:t>
            </a:r>
            <a:r>
              <a:rPr lang="en-US" dirty="0"/>
              <a:t> grant (so do not worry about applying while you have funding)</a:t>
            </a:r>
          </a:p>
          <a:p>
            <a:r>
              <a:rPr lang="en-US" dirty="0"/>
              <a:t>Have been on many international applications, received smaller grants for conferences, publishing books, etc.</a:t>
            </a:r>
          </a:p>
          <a:p>
            <a:r>
              <a:rPr lang="en-US" dirty="0"/>
              <a:t>Probably lots of other places – have been rejected by ERC, </a:t>
            </a:r>
            <a:r>
              <a:rPr lang="en-US" dirty="0" err="1"/>
              <a:t>Innovationsfonden</a:t>
            </a:r>
            <a:r>
              <a:rPr lang="en-US" dirty="0"/>
              <a:t>, </a:t>
            </a:r>
            <a:r>
              <a:rPr lang="en-US" dirty="0" err="1"/>
              <a:t>Villum</a:t>
            </a:r>
            <a:r>
              <a:rPr lang="en-US" dirty="0"/>
              <a:t>, the above, and many more</a:t>
            </a:r>
          </a:p>
          <a:p>
            <a:r>
              <a:rPr lang="en-US" dirty="0"/>
              <a:t>I have a number of grant applications awaiting decisions</a:t>
            </a:r>
          </a:p>
          <a:p>
            <a:r>
              <a:rPr lang="en-US" dirty="0"/>
              <a:t>A couple of days ago I handed in an application for ca. 8 million SEK to </a:t>
            </a:r>
            <a:r>
              <a:rPr lang="en-US" dirty="0" err="1"/>
              <a:t>Riksbankens</a:t>
            </a:r>
            <a:r>
              <a:rPr lang="en-US" dirty="0"/>
              <a:t> </a:t>
            </a:r>
            <a:r>
              <a:rPr lang="en-US" dirty="0" err="1"/>
              <a:t>Jubileumsfond</a:t>
            </a:r>
            <a:endParaRPr lang="en-US" dirty="0"/>
          </a:p>
          <a:p>
            <a:r>
              <a:rPr lang="en-US" dirty="0"/>
              <a:t>Next up </a:t>
            </a:r>
            <a:r>
              <a:rPr lang="en-US" dirty="0" err="1"/>
              <a:t>Villum</a:t>
            </a:r>
            <a:r>
              <a:rPr lang="en-US" dirty="0"/>
              <a:t> Synerg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856B33C-7BBE-4DB5-9B72-C2C81733266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702DE776-D9E5-472F-AF44-D16C36393EB3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2E28385-3506-424B-9959-C8DFA452830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E04C406-F558-4A5D-A542-30567A5DFCD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1862886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FD520E-E964-4A96-8220-FFAB05BDFF0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Tips for writing a funding applic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53FFF95-E4B4-4370-A7A5-269CC3B583E0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I googled “tips for writing a funding application” and this is the first thing which came up</a:t>
            </a:r>
          </a:p>
          <a:p>
            <a:pPr lvl="1"/>
            <a:r>
              <a:rPr lang="en-US" dirty="0"/>
              <a:t>These seem suitably generic, and here’s my take on them!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Allow plenty of time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Choose your funder and scheme carefully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Get advice at an early stage from a range of sources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Plan, plan and plan some more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Get the right partners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Have well-defined objectives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ake your hypothesis clear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Consider the impact of the research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Include relevant preliminary data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Tell a compelling story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Justify your methods</a:t>
            </a:r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Get your proposal reviewed internally</a:t>
            </a:r>
          </a:p>
          <a:p>
            <a:pPr marL="0" indent="0">
              <a:buNone/>
            </a:pPr>
            <a:r>
              <a:rPr lang="en-US" dirty="0">
                <a:hlinkClick r:id="rId2"/>
              </a:rPr>
              <a:t>https://mrc.ukri.org/news/blog/12-top-tips-for-writing-a-grant-application/</a:t>
            </a:r>
            <a:r>
              <a:rPr lang="en-US" dirty="0"/>
              <a:t>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EBDCA-0323-4A1F-8B5B-053095873CD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FC93908-93AA-445E-A8FF-0878E122CDC5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F394F1B-7999-4DC4-9F66-CDE9C5E6D0B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E0E405-F5EB-4B77-8B78-F37E6DE35A24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2991343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41DE7E-2D00-4A22-8300-487106B1942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General less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33C5057-A2AA-4403-9DF2-F37D5AFA323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Actually there are none</a:t>
            </a:r>
          </a:p>
          <a:p>
            <a:r>
              <a:rPr lang="en-US" dirty="0"/>
              <a:t>It depends so much on where you are applying, and what you are applying for</a:t>
            </a:r>
          </a:p>
          <a:p>
            <a:r>
              <a:rPr lang="en-US" dirty="0"/>
              <a:t>But OK, here are a few:</a:t>
            </a:r>
          </a:p>
          <a:p>
            <a:r>
              <a:rPr lang="en-US" dirty="0"/>
              <a:t>Consider carefully what you need, and then add more</a:t>
            </a:r>
          </a:p>
          <a:p>
            <a:r>
              <a:rPr lang="en-US" dirty="0"/>
              <a:t>Make a convincing story (perhaps with a bold hypothesis but not always). But it should read well!</a:t>
            </a:r>
          </a:p>
          <a:p>
            <a:r>
              <a:rPr lang="en-US" dirty="0"/>
              <a:t>Remember feasibility – they want to see results!</a:t>
            </a:r>
          </a:p>
          <a:p>
            <a:r>
              <a:rPr lang="en-US" dirty="0"/>
              <a:t>Explain why your research group and you yourself deserve to get the grant</a:t>
            </a:r>
          </a:p>
          <a:p>
            <a:r>
              <a:rPr lang="en-US" dirty="0"/>
              <a:t>Don’t be afraid to ask for feedback on failed application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DEE434A-73BA-4557-A62B-E25D78E3174E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DC564FF8-8E1D-4567-9621-F84A7BE0181F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ADD3249-A263-4D4F-B317-67D259914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311D223-F4F7-4270-9C3B-E53ABA71AF1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0308692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C86303-813E-4ECD-9232-2DE03627A24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Advantages of receiving gran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CBB0F24-58B9-4D45-A9F6-B7B9E7F53373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Some have national or international prestige</a:t>
            </a:r>
          </a:p>
          <a:p>
            <a:r>
              <a:rPr lang="en-US" dirty="0"/>
              <a:t>Establish yourself as an acknowledged international expert</a:t>
            </a:r>
          </a:p>
          <a:p>
            <a:r>
              <a:rPr lang="en-US" dirty="0"/>
              <a:t>Makes it easier to write other grant applications</a:t>
            </a:r>
          </a:p>
          <a:p>
            <a:r>
              <a:rPr lang="en-US" dirty="0"/>
              <a:t>Makes it easier to receive other grant applications</a:t>
            </a:r>
          </a:p>
          <a:p>
            <a:r>
              <a:rPr lang="en-US" dirty="0"/>
              <a:t>You can build up a team of people working parallel on many projects and greatly increase your research output</a:t>
            </a:r>
          </a:p>
          <a:p>
            <a:pPr lvl="1"/>
            <a:r>
              <a:rPr lang="en-US" dirty="0"/>
              <a:t>But be prepared to feel more like an administrator than a researcher at times</a:t>
            </a:r>
          </a:p>
          <a:p>
            <a:r>
              <a:rPr lang="en-US" dirty="0"/>
              <a:t>Consider also smaller funding bodies</a:t>
            </a:r>
          </a:p>
          <a:p>
            <a:r>
              <a:rPr lang="en-US" dirty="0"/>
              <a:t>Even if you don’t receive the grant, you can reuse the application for more applications, or just do the work anyway!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710B16-05D8-4FF0-B105-9745C95F836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8A8EEEA-EEA9-44F0-B451-B9D17B06803B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7D02480-3535-45D3-BF57-F1D45918A51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1E856F1-5A9C-4CB4-886B-F3B5CB29E2B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5136745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C0CAAF3-670E-4EE3-8598-42D15003754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Making a large grant applic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B82A1AC-3119-40D1-80A1-5A038CBF318D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You can apply for very large grants in one go, but my experience of these is not positive</a:t>
            </a:r>
          </a:p>
          <a:p>
            <a:r>
              <a:rPr lang="en-US" dirty="0"/>
              <a:t>Alternatively, ask for help making a financing plan for what you need, and apply for parts of this various places</a:t>
            </a:r>
          </a:p>
          <a:p>
            <a:r>
              <a:rPr lang="en-US" dirty="0"/>
              <a:t>Really easy to reuse parts of existing applications</a:t>
            </a:r>
          </a:p>
          <a:p>
            <a:endParaRPr lang="en-US" dirty="0"/>
          </a:p>
          <a:p>
            <a:r>
              <a:rPr lang="en-US" b="1" dirty="0"/>
              <a:t>Mapping the Human Capital of the Nordic Countries</a:t>
            </a:r>
          </a:p>
          <a:p>
            <a:r>
              <a:rPr lang="en-US" dirty="0"/>
              <a:t>Budget is 20-30 million kroner</a:t>
            </a:r>
          </a:p>
          <a:p>
            <a:r>
              <a:rPr lang="en-US" dirty="0"/>
              <a:t>So far received around 4 million from Carlsberg and a Swedish foundation</a:t>
            </a:r>
          </a:p>
          <a:p>
            <a:r>
              <a:rPr lang="en-US" dirty="0"/>
              <a:t>Have many other grant applications outstanding (approaching 20 million in total)</a:t>
            </a:r>
          </a:p>
          <a:p>
            <a:r>
              <a:rPr lang="en-US" dirty="0"/>
              <a:t>Danish </a:t>
            </a:r>
            <a:r>
              <a:rPr lang="en-US" dirty="0">
                <a:sym typeface="Wingdings" panose="05000000000000000000" pitchFamily="2" charset="2"/>
              </a:rPr>
              <a:t> Nordic (e.g. </a:t>
            </a:r>
            <a:r>
              <a:rPr lang="en-US" dirty="0" err="1">
                <a:sym typeface="Wingdings" panose="05000000000000000000" pitchFamily="2" charset="2"/>
              </a:rPr>
              <a:t>Nordforsk</a:t>
            </a:r>
            <a:r>
              <a:rPr lang="en-US" dirty="0">
                <a:sym typeface="Wingdings" panose="05000000000000000000" pitchFamily="2" charset="2"/>
              </a:rPr>
              <a:t>)  European? (e.g. ERC Synergy)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FD23B2A-4D9A-4691-A27B-A2BD50E0D6DE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CC1E5EF-0F99-46A9-8977-09B8F745381B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590790A-F04A-41CE-8D13-DAA791A377DF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5A749FF-3462-4165-94E0-1E28AB054A8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9266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FCDE43-FACB-4060-8ECE-B2EFC2D883A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Approaching funding organizations directl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A4D25E-58FA-429A-B396-0C1B8D54BBD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I have tried this with little success</a:t>
            </a:r>
          </a:p>
          <a:p>
            <a:r>
              <a:rPr lang="en-US" dirty="0"/>
              <a:t>My impression is that you should not do this unless you are really “in the loop”</a:t>
            </a:r>
          </a:p>
          <a:p>
            <a:r>
              <a:rPr lang="en-US" dirty="0"/>
              <a:t>Perhaps you need to be more senior (also in years)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D1BB413-D49E-4694-AACC-599B4A18CD7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02FAF330-C293-4D6D-94DD-394FA3ADC781}" type="datetime1">
              <a:rPr lang="en-GB" smtClean="0"/>
              <a:t>29/01/2021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DCE7E-6923-498A-9F40-9F111040708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2676327-6628-4370-89F9-3D51E475A91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23389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2.xml><?xml version="1.0" encoding="utf-8"?>
<TemplafyTemplateConfiguration><![CDATA[{"elementsMetadata":[{"type":"shape","id":"9b094202-d2d1-43b6-afa5-b0086dc7d448","elementConfiguration":{"format":"{{DateFormats.MonthYear}}","binding":"Form.Date","disableUpdates":false,"type":"date"}},{"type":"shape","id":"137944c3-c7ef-4776-9221-437943fde277","elementConfiguration":{"binding":"UserProfile.Institut.InstituteDCU_{{DocumentLanguage}}","disableUpdates":false,"type":"text"}},{"type":"shape","id":"d95724e0-1527-42d3-b5ed-342980a79412","elementConfiguration":{"binding":"UserProfile.Institut.InstituteDCU_{{DocumentLanguage}}","disableUpdates":false,"type":"text"}},{"type":"shape","id":"c93215a3-ca3b-4a6c-a795-c4545638f794","elementConfiguration":{"format":"{{DateFormats.MonthYear}}","binding":"Form.Date","disableUpdates":false,"type":"date"}},{"type":"shape","id":"066d596d-5dbf-436e-8547-fbc86a544c2b","elementConfiguration":{"binding":"UserProfile.Institut.InstituteDCU_{{DocumentLanguage}}","disableUpdates":false,"type":"text"}},{"type":"shape","id":"a67a2ac9-2d30-4652-9723-168fa759aedb","elementConfiguration":{"format":"{{DateFormats.MonthYear}}","binding":"Form.Date","disableUpdates":false,"type":"date"}},{"type":"shape","id":"ed2fa8ac-5d4a-40e1-951c-36c98c45672a","elementConfiguration":{"binding":"UserProfile.Institut.InstituteDCU_{{DocumentLanguage}}","disableUpdates":false,"type":"text"}},{"type":"shape","id":"1fe76374-09e3-406f-ad42-8e7e2f1e1644","elementConfiguration":{"format":"{{DateFormats.MonthYear}}","binding":"Form.Date","disableUpdates":false,"type":"date"}},{"type":"shape","id":"3d191db7-eec2-43fa-906b-1eeb04494361","elementConfiguration":{"format":"{{DateFormats.MonthYear}}","binding":"Form.Date","disableUpdates":false,"type":"date"}},{"type":"shape","id":"9d3fbaf4-9245-41ec-be9b-6a53941b499f","elementConfiguration":{"binding":"UserProfile.Institut.InstituteDCU_{{DocumentLanguage}}","disableUpdates":false,"type":"text"}},{"type":"shape","id":"405e33a3-f70e-40d9-b034-541b256890c2","elementConfiguration":{"binding":"UserProfile.Institut.InstituteDCU_{{DocumentLanguage}}","disableUpdates":false,"type":"text"}},{"type":"shape","id":"a8b2c0ca-3798-4e57-be36-de3eb072cefd","elementConfiguration":{"binding":"UserProfile.Institut.InstituteDCU_{{DocumentLanguage}}","disableUpdates":false,"type":"text"}},{"type":"shape","id":"32e905b3-0e31-4860-bb96-b51ef8d45a6b","elementConfiguration":{"format":"{{DateFormats.MonthYear}}","binding":"Form.Date","disableUpdates":false,"type":"date"}}],"transformationConfigurations":[{"language":"{{DocumentLanguage}}","disableUpdates":false,"type":"proofingLanguage"}],"templateName":"SDU widescreen 16:9 template","templateDescription":"Tom bredformat skabelon til Powerpoint med enhed, dato og links","enableDocumentContentUpdater":true,"version":"1.3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05l10yHKVW6qbLyST2UT+A=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80A386E5-FB57-411F-ACEC-E4C4608EF981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customXml/itemProps3.xml><?xml version="1.0" encoding="utf-8"?>
<ds:datastoreItem xmlns:ds="http://schemas.openxmlformats.org/officeDocument/2006/customXml" ds:itemID="{C5CD5A01-6378-494D-B71B-D23DEC9A120C}">
  <ds:schemaRefs/>
</ds:datastoreItem>
</file>

<file path=customXml/itemProps4.xml><?xml version="1.0" encoding="utf-8"?>
<ds:datastoreItem xmlns:ds="http://schemas.openxmlformats.org/officeDocument/2006/customXml" ds:itemID="{43723FED-A2E0-415E-8B28-139637BC092B}">
  <ds:schemaRefs/>
</ds:datastoreItem>
</file>

<file path=customXml/itemProps5.xml><?xml version="1.0" encoding="utf-8"?>
<ds:datastoreItem xmlns:ds="http://schemas.openxmlformats.org/officeDocument/2006/customXml" ds:itemID="{D38B75A6-0EE9-4392-9FF6-40D965E8337F}">
  <ds:schemaRefs/>
</ds:datastoreItem>
</file>

<file path=customXml/itemProps6.xml><?xml version="1.0" encoding="utf-8"?>
<ds:datastoreItem xmlns:ds="http://schemas.openxmlformats.org/officeDocument/2006/customXml" ds:itemID="{14B21B1E-6DD6-462A-BC23-C489C9FDD9B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448</Words>
  <Application>Microsoft Office PowerPoint</Application>
  <PresentationFormat>Widescreen</PresentationFormat>
  <Paragraphs>152</Paragraphs>
  <Slides>1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0" baseType="lpstr">
      <vt:lpstr>Arial</vt:lpstr>
      <vt:lpstr>Wingdings</vt:lpstr>
      <vt:lpstr>Blank</vt:lpstr>
      <vt:lpstr>Dos and don’ts of applying for funding Paul Sharp, pauls@sam.sdu.dk </vt:lpstr>
      <vt:lpstr>Main lesson</vt:lpstr>
      <vt:lpstr>About me</vt:lpstr>
      <vt:lpstr>Grants applied for</vt:lpstr>
      <vt:lpstr>Tips for writing a funding application</vt:lpstr>
      <vt:lpstr>General lessons</vt:lpstr>
      <vt:lpstr>Advantages of receiving grants</vt:lpstr>
      <vt:lpstr>Making a large grant application</vt:lpstr>
      <vt:lpstr>Approaching funding organizations directly</vt:lpstr>
      <vt:lpstr>Lessons learned</vt:lpstr>
      <vt:lpstr>Attracting grants for research groups</vt:lpstr>
      <vt:lpstr>Marie Curie and HEDG (IVØ)</vt:lpstr>
      <vt:lpstr>Why do we recruit?</vt:lpstr>
      <vt:lpstr>How and where do we find our applicants?</vt:lpstr>
      <vt:lpstr>Experiences</vt:lpstr>
      <vt:lpstr>Lessons learned</vt:lpstr>
      <vt:lpstr>Finally: Ask for advic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1-01-29T08:54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6082586879639461</vt:lpwstr>
  </property>
  <property fmtid="{D5CDD505-2E9C-101B-9397-08002B2CF9AE}" pid="6" name="TemplafyLanguageCode">
    <vt:lpwstr>en-GB</vt:lpwstr>
  </property>
</Properties>
</file>